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C572C2" w:rsidRDefault="00C572C2" w:rsidP="00C572C2">
      <w:r>
        <w:t>library(shiny)</w:t>
      </w:r>
    </w:p>
    <w:p w:rsidR="00C572C2" w:rsidRDefault="00C572C2" w:rsidP="00C572C2">
      <w:r>
        <w:t>library(ggplot2)</w:t>
      </w:r>
    </w:p>
    <w:p w:rsidR="00C572C2" w:rsidRDefault="00C572C2" w:rsidP="00C572C2">
      <w:r>
        <w:t>library(dplyr)</w:t>
      </w:r>
    </w:p>
    <w:p w:rsidR="00C572C2" w:rsidRDefault="00C572C2" w:rsidP="00C572C2"/>
    <w:p w:rsidR="00C572C2" w:rsidRDefault="00C572C2" w:rsidP="00C572C2">
      <w:r>
        <w:t>bcl &lt;- read.csv("C:\\Users\\i340968\\Desktop\\ed-code\\R programming-elective\\Week_7\\Shiny_app2\\data10.csv", stringsAsFactors = FALSE)</w:t>
      </w:r>
    </w:p>
    <w:p w:rsidR="00C572C2" w:rsidRDefault="00C572C2" w:rsidP="00C572C2"/>
    <w:p w:rsidR="00C572C2" w:rsidRDefault="00C572C2" w:rsidP="00C572C2">
      <w:r>
        <w:t>ui &lt;- fluidPage(</w:t>
      </w:r>
    </w:p>
    <w:p w:rsidR="00C572C2" w:rsidRDefault="00C572C2" w:rsidP="00C572C2">
      <w:r>
        <w:t xml:space="preserve">  titlePanel("Sugar Content across Product and Price"),</w:t>
      </w:r>
    </w:p>
    <w:p w:rsidR="00C572C2" w:rsidRDefault="00C572C2" w:rsidP="00C572C2">
      <w:r>
        <w:t xml:space="preserve">  sidebarLayout(</w:t>
      </w:r>
    </w:p>
    <w:p w:rsidR="00C572C2" w:rsidRDefault="00C572C2" w:rsidP="00C572C2">
      <w:r>
        <w:t xml:space="preserve">    sidebarPanel(</w:t>
      </w:r>
    </w:p>
    <w:p w:rsidR="00C572C2" w:rsidRDefault="00C572C2" w:rsidP="00C572C2">
      <w:r>
        <w:t xml:space="preserve">      sliderInput("priceInput", "Price", 0, 100, c(25, 40), pre = "$"),</w:t>
      </w:r>
    </w:p>
    <w:p w:rsidR="00C572C2" w:rsidRDefault="00C572C2" w:rsidP="00C572C2">
      <w:r>
        <w:t xml:space="preserve">      radioButtons("typeInput", "Product type",</w:t>
      </w:r>
    </w:p>
    <w:p w:rsidR="00C572C2" w:rsidRDefault="00C572C2" w:rsidP="00C572C2">
      <w:r>
        <w:t xml:space="preserve">                   choices = c("Beverages", "Cake", "Candy", "Icecream"),</w:t>
      </w:r>
    </w:p>
    <w:p w:rsidR="00C572C2" w:rsidRDefault="00C572C2" w:rsidP="00C572C2">
      <w:r>
        <w:t xml:space="preserve">                   selected = "Beverages"),</w:t>
      </w:r>
    </w:p>
    <w:p w:rsidR="00C572C2" w:rsidRDefault="00C572C2" w:rsidP="00C572C2">
      <w:r>
        <w:t xml:space="preserve">      uiOutput("countryOutput")</w:t>
      </w:r>
    </w:p>
    <w:p w:rsidR="00C572C2" w:rsidRDefault="00C572C2" w:rsidP="00C572C2">
      <w:r>
        <w:t xml:space="preserve">    ),</w:t>
      </w:r>
    </w:p>
    <w:p w:rsidR="00C572C2" w:rsidRDefault="00C572C2" w:rsidP="00C572C2">
      <w:r>
        <w:t xml:space="preserve">    mainPanel(</w:t>
      </w:r>
    </w:p>
    <w:p w:rsidR="00C572C2" w:rsidRDefault="00C572C2" w:rsidP="00C572C2">
      <w:r>
        <w:t xml:space="preserve">      plotOutput("coolplot"),</w:t>
      </w:r>
    </w:p>
    <w:p w:rsidR="00C572C2" w:rsidRDefault="00C572C2" w:rsidP="00C572C2">
      <w:r>
        <w:t xml:space="preserve">      br(), br(),</w:t>
      </w:r>
    </w:p>
    <w:p w:rsidR="00C572C2" w:rsidRDefault="00C572C2" w:rsidP="00C572C2">
      <w:r>
        <w:t xml:space="preserve">      tableOutput("results")</w:t>
      </w:r>
    </w:p>
    <w:p w:rsidR="00C572C2" w:rsidRDefault="00C572C2" w:rsidP="00C572C2">
      <w:r>
        <w:t xml:space="preserve">    )</w:t>
      </w:r>
    </w:p>
    <w:p w:rsidR="00C572C2" w:rsidRDefault="00C572C2" w:rsidP="00C572C2">
      <w:r>
        <w:t xml:space="preserve">  )</w:t>
      </w:r>
    </w:p>
    <w:p w:rsidR="00C572C2" w:rsidRDefault="00C572C2" w:rsidP="00C572C2">
      <w:r>
        <w:t>)</w:t>
      </w:r>
    </w:p>
    <w:p w:rsidR="00C572C2" w:rsidRDefault="00C572C2" w:rsidP="00C572C2"/>
    <w:p w:rsidR="00C572C2" w:rsidRDefault="00C572C2" w:rsidP="00C572C2">
      <w:r>
        <w:t>server &lt;- function(input, output) {</w:t>
      </w:r>
    </w:p>
    <w:p w:rsidR="00C572C2" w:rsidRDefault="00C572C2" w:rsidP="00C572C2">
      <w:r>
        <w:t xml:space="preserve">  output$countryOutput &lt;- renderUI({</w:t>
      </w:r>
    </w:p>
    <w:p w:rsidR="00C572C2" w:rsidRDefault="00C572C2" w:rsidP="00C572C2">
      <w:r>
        <w:t xml:space="preserve">    selectInput("countryInput", "Country",</w:t>
      </w:r>
    </w:p>
    <w:p w:rsidR="00C572C2" w:rsidRDefault="00C572C2" w:rsidP="00C572C2">
      <w:r>
        <w:t xml:space="preserve">                sort(unique(bcl$Country)),</w:t>
      </w:r>
    </w:p>
    <w:p w:rsidR="00C572C2" w:rsidRDefault="00C572C2" w:rsidP="00C572C2">
      <w:r>
        <w:lastRenderedPageBreak/>
        <w:t xml:space="preserve">                selected = "CANADA")</w:t>
      </w:r>
    </w:p>
    <w:p w:rsidR="00C572C2" w:rsidRDefault="00C572C2" w:rsidP="00C572C2">
      <w:r>
        <w:t xml:space="preserve">  })  </w:t>
      </w:r>
    </w:p>
    <w:p w:rsidR="00C572C2" w:rsidRDefault="00C572C2" w:rsidP="00C572C2">
      <w:r>
        <w:t xml:space="preserve">  </w:t>
      </w:r>
    </w:p>
    <w:p w:rsidR="00C572C2" w:rsidRDefault="00C572C2" w:rsidP="00C572C2">
      <w:r>
        <w:t xml:space="preserve">  filtered &lt;- reactive({</w:t>
      </w:r>
    </w:p>
    <w:p w:rsidR="00C572C2" w:rsidRDefault="00C572C2" w:rsidP="00C572C2">
      <w:r>
        <w:t xml:space="preserve">    if (is.null(input$countryInput)) {</w:t>
      </w:r>
    </w:p>
    <w:p w:rsidR="00C572C2" w:rsidRDefault="00C572C2" w:rsidP="00C572C2">
      <w:r>
        <w:t xml:space="preserve">      return(NULL)</w:t>
      </w:r>
    </w:p>
    <w:p w:rsidR="00C572C2" w:rsidRDefault="00C572C2" w:rsidP="00C572C2">
      <w:r>
        <w:t xml:space="preserve">    }    </w:t>
      </w:r>
    </w:p>
    <w:p w:rsidR="00C572C2" w:rsidRDefault="00C572C2" w:rsidP="00C572C2">
      <w:r>
        <w:t xml:space="preserve">    </w:t>
      </w:r>
    </w:p>
    <w:p w:rsidR="00C572C2" w:rsidRDefault="00C572C2" w:rsidP="00C572C2">
      <w:r>
        <w:t xml:space="preserve">    bcl %&gt;%</w:t>
      </w:r>
    </w:p>
    <w:p w:rsidR="00C572C2" w:rsidRDefault="00C572C2" w:rsidP="00C572C2">
      <w:r>
        <w:t xml:space="preserve">      filter(Price &gt;= input$priceInput[1],</w:t>
      </w:r>
    </w:p>
    <w:p w:rsidR="00C572C2" w:rsidRDefault="00C572C2" w:rsidP="00C572C2">
      <w:r>
        <w:t xml:space="preserve">             Price &lt;= input$priceInput[2],</w:t>
      </w:r>
    </w:p>
    <w:p w:rsidR="00C572C2" w:rsidRDefault="00C572C2" w:rsidP="00C572C2">
      <w:r>
        <w:t xml:space="preserve">             Type == input$typeInput,</w:t>
      </w:r>
    </w:p>
    <w:p w:rsidR="00C572C2" w:rsidRDefault="00C572C2" w:rsidP="00C572C2">
      <w:r>
        <w:t xml:space="preserve">             Country == input$countryInput</w:t>
      </w:r>
    </w:p>
    <w:p w:rsidR="00C572C2" w:rsidRDefault="00C572C2" w:rsidP="00C572C2">
      <w:r>
        <w:t xml:space="preserve">      )</w:t>
      </w:r>
    </w:p>
    <w:p w:rsidR="00C572C2" w:rsidRDefault="00C572C2" w:rsidP="00C572C2">
      <w:r>
        <w:t xml:space="preserve">  })</w:t>
      </w:r>
    </w:p>
    <w:p w:rsidR="00C572C2" w:rsidRDefault="00C572C2" w:rsidP="00C572C2">
      <w:r>
        <w:t xml:space="preserve">  </w:t>
      </w:r>
    </w:p>
    <w:p w:rsidR="00C572C2" w:rsidRDefault="00C572C2" w:rsidP="00C572C2">
      <w:r>
        <w:t xml:space="preserve">  output$coolplot &lt;- renderPlot({</w:t>
      </w:r>
    </w:p>
    <w:p w:rsidR="00C572C2" w:rsidRDefault="00C572C2" w:rsidP="00C572C2">
      <w:r>
        <w:t xml:space="preserve">    if (is.null(filtered())) {</w:t>
      </w:r>
    </w:p>
    <w:p w:rsidR="00C572C2" w:rsidRDefault="00C572C2" w:rsidP="00C572C2">
      <w:r>
        <w:t xml:space="preserve">      return()</w:t>
      </w:r>
    </w:p>
    <w:p w:rsidR="00C572C2" w:rsidRDefault="00C572C2" w:rsidP="00C572C2">
      <w:r>
        <w:t xml:space="preserve">    }</w:t>
      </w:r>
    </w:p>
    <w:p w:rsidR="00C572C2" w:rsidRDefault="00C572C2" w:rsidP="00C572C2">
      <w:r>
        <w:t xml:space="preserve">    ggplot(filtered(), aes(Sugar_Content)) +</w:t>
      </w:r>
    </w:p>
    <w:p w:rsidR="00C572C2" w:rsidRDefault="00C572C2" w:rsidP="00C572C2">
      <w:r>
        <w:t xml:space="preserve">      geom_histogram()</w:t>
      </w:r>
    </w:p>
    <w:p w:rsidR="00C572C2" w:rsidRDefault="00C572C2" w:rsidP="00C572C2">
      <w:r>
        <w:t xml:space="preserve">  })</w:t>
      </w:r>
    </w:p>
    <w:p w:rsidR="00C572C2" w:rsidRDefault="00C572C2" w:rsidP="00C572C2">
      <w:r>
        <w:t xml:space="preserve">  </w:t>
      </w:r>
    </w:p>
    <w:p w:rsidR="00C572C2" w:rsidRDefault="00C572C2" w:rsidP="00C572C2">
      <w:r>
        <w:t xml:space="preserve">  output$results &lt;- renderTable({</w:t>
      </w:r>
    </w:p>
    <w:p w:rsidR="00C572C2" w:rsidRDefault="00C572C2" w:rsidP="00C572C2">
      <w:r>
        <w:t xml:space="preserve">    filtered()</w:t>
      </w:r>
    </w:p>
    <w:p w:rsidR="00C572C2" w:rsidRDefault="00C572C2" w:rsidP="00C572C2">
      <w:r>
        <w:t xml:space="preserve">  })</w:t>
      </w:r>
    </w:p>
    <w:p w:rsidR="00C572C2" w:rsidRDefault="00C572C2" w:rsidP="00C572C2">
      <w:r>
        <w:t>}</w:t>
      </w:r>
    </w:p>
    <w:p w:rsidR="00C572C2" w:rsidRDefault="00C572C2" w:rsidP="00C572C2"/>
    <w:p w:rsidR="006E7568" w:rsidRDefault="00C572C2" w:rsidP="00C572C2">
      <w:r>
        <w:lastRenderedPageBreak/>
        <w:t>shinyApp(ui = ui, server = server)</w:t>
      </w:r>
    </w:p>
    <w:p w:rsidR="00C572C2" w:rsidRDefault="00C572C2" w:rsidP="00C572C2"/>
    <w:p w:rsidR="00C572C2" w:rsidRDefault="00C572C2" w:rsidP="00C572C2"/>
    <w:p w:rsidR="00C572C2" w:rsidRDefault="00C572C2" w:rsidP="00C572C2">
      <w:r>
        <w:t>OUTPUT:</w:t>
      </w:r>
    </w:p>
    <w:p w:rsidR="00C572C2" w:rsidRDefault="00C572C2" w:rsidP="00C572C2"/>
    <w:p w:rsidR="00C572C2" w:rsidRPr="00C572C2" w:rsidRDefault="00C572C2" w:rsidP="00C572C2">
      <w:r>
        <w:rPr>
          <w:noProof/>
        </w:rPr>
        <w:drawing>
          <wp:inline distT="0" distB="0" distL="0" distR="0" wp14:anchorId="0D3186BE" wp14:editId="3B094FC3">
            <wp:extent cx="5943600" cy="3067685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0676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C572C2" w:rsidRPr="00C572C2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C572C2" w:rsidRDefault="00C572C2" w:rsidP="00C572C2">
      <w:pPr>
        <w:spacing w:after="0" w:line="240" w:lineRule="auto"/>
      </w:pPr>
      <w:r>
        <w:separator/>
      </w:r>
    </w:p>
  </w:endnote>
  <w:endnote w:type="continuationSeparator" w:id="0">
    <w:p w:rsidR="00C572C2" w:rsidRDefault="00C572C2" w:rsidP="00C572C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C572C2" w:rsidRDefault="00C572C2" w:rsidP="00C572C2">
      <w:pPr>
        <w:spacing w:after="0" w:line="240" w:lineRule="auto"/>
      </w:pPr>
      <w:r>
        <w:separator/>
      </w:r>
    </w:p>
  </w:footnote>
  <w:footnote w:type="continuationSeparator" w:id="0">
    <w:p w:rsidR="00C572C2" w:rsidRDefault="00C572C2" w:rsidP="00C572C2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68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572C2"/>
    <w:rsid w:val="006E7568"/>
    <w:rsid w:val="00C572C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2C5E7930"/>
  <w15:chartTrackingRefBased/>
  <w15:docId w15:val="{B876AF1E-7619-4B0D-8EBD-94C2D0CF22D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C572C2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572C2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3</Pages>
  <Words>215</Words>
  <Characters>1228</Characters>
  <Application>Microsoft Office Word</Application>
  <DocSecurity>0</DocSecurity>
  <Lines>10</Lines>
  <Paragraphs>2</Paragraphs>
  <ScaleCrop>false</ScaleCrop>
  <Company>SAP</Company>
  <LinksUpToDate>false</LinksUpToDate>
  <CharactersWithSpaces>14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aidhyanathan, Janaki Raam</dc:creator>
  <cp:keywords/>
  <dc:description/>
  <cp:lastModifiedBy>Vaidhyanathan, Janaki Raam</cp:lastModifiedBy>
  <cp:revision>1</cp:revision>
  <dcterms:created xsi:type="dcterms:W3CDTF">2020-02-12T16:36:00Z</dcterms:created>
  <dcterms:modified xsi:type="dcterms:W3CDTF">2020-02-12T16:37:00Z</dcterms:modified>
</cp:coreProperties>
</file>